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3"/>
  </p:notesMasterIdLst>
  <p:sldIdLst>
    <p:sldId id="263" r:id="rId2"/>
  </p:sldIdLst>
  <p:sldSz cx="12192000" cy="6858000"/>
  <p:notesSz cx="6858000" cy="9144000"/>
  <p:defaultTextStyle>
    <a:defPPr>
      <a:defRPr lang="nl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99"/>
    <a:srgbClr val="FFCCCC"/>
    <a:srgbClr val="008080"/>
    <a:srgbClr val="009999"/>
    <a:srgbClr val="9900CC"/>
    <a:srgbClr val="FF00FF"/>
    <a:srgbClr val="660066"/>
    <a:srgbClr val="FF99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4" autoAdjust="0"/>
    <p:restoredTop sz="96395" autoAdjust="0"/>
  </p:normalViewPr>
  <p:slideViewPr>
    <p:cSldViewPr snapToGrid="0" showGuides="1">
      <p:cViewPr varScale="1">
        <p:scale>
          <a:sx n="111" d="100"/>
          <a:sy n="111" d="100"/>
        </p:scale>
        <p:origin x="2226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B4DFC8E-7E75-48B3-9770-811BEAE19503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NL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 smtClean="0"/>
              <a:t>Tekststijl van het model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nl-NL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0E130FE-854D-45B5-A399-B4B37C9AFA2C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4567220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E21A18-13DA-47D0-850B-BB2717FDA79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Ondertitel 2">
            <a:extLst>
              <a:ext uri="{FF2B5EF4-FFF2-40B4-BE49-F238E27FC236}">
                <a16:creationId xmlns:a16="http://schemas.microsoft.com/office/drawing/2014/main" id="{2B46B4F0-2C75-4A89-A3E4-815F61793DC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l-NL"/>
              <a:t>Klikken om de ondertitel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E3FC4821-6B17-441A-8788-A31BFA639A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3A86B1FA-79A0-4E69-925C-BC05F2CA85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318796AB-2EE8-4562-AE3F-FFD40BD0A7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0293922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en verticale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BB18694-EE54-4F78-903C-3468891381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verticale tekst 2">
            <a:extLst>
              <a:ext uri="{FF2B5EF4-FFF2-40B4-BE49-F238E27FC236}">
                <a16:creationId xmlns:a16="http://schemas.microsoft.com/office/drawing/2014/main" id="{AE68EBFA-13AF-4F21-87CC-4FFC5504DBF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A09CFC41-866F-4933-B6D3-FE76C8EC45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25DE2E94-87F4-45A2-9FE5-A6D4ECC2AA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4495D50E-69E4-430C-85E1-B6481D2507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0756432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e titel en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e titel 1">
            <a:extLst>
              <a:ext uri="{FF2B5EF4-FFF2-40B4-BE49-F238E27FC236}">
                <a16:creationId xmlns:a16="http://schemas.microsoft.com/office/drawing/2014/main" id="{73475835-2E10-4CAF-B86C-2903BE450E4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verticale tekst 2">
            <a:extLst>
              <a:ext uri="{FF2B5EF4-FFF2-40B4-BE49-F238E27FC236}">
                <a16:creationId xmlns:a16="http://schemas.microsoft.com/office/drawing/2014/main" id="{B47D96A6-FCDC-4AC9-8C01-044CA617B04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1A63D948-9518-4132-9026-413A7E2497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4BE0E0E0-BC1C-4303-AD35-5DBE867A91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0E0A0D66-39D4-407C-800B-BDDB5F922D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9497205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3B59FC9-5614-4BE4-A407-8F62FAC433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0883E0E5-3CA5-42EA-932A-139C12870D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E071218F-BE87-4AFA-A32C-2320F929BD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D206712D-93B6-4D2A-949E-FCAF54C388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9D6DED1E-6BA7-4450-B644-1A4B29C341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192144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923ADC5-351E-4F35-8E01-14ADB99471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92B0FA7D-4F23-4A29-A3B0-409B236B96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DF6F252B-730C-40F7-90BA-E770A83D00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43E75140-5C03-4B86-9640-DB7D3B6496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0DB3DDB9-1135-4B11-88AD-6E20A35756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075552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5DF8398-62FB-4718-8D0F-CBAE9CA2AA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481E00A9-D456-4ABC-8FDF-42B9F6981FB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6C3ECD32-5415-492A-AFD3-15EEDCEF859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B17356B4-5C62-48D6-BBAB-0FAFE56A7C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2D42B7BF-A58E-43BD-ADAA-6DB0574CBB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E7359B34-57C5-4F82-B0B9-FF9AB21CED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099142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9D12527-84B4-488A-9E20-DD92BB0073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4BB86335-495A-4A14-918A-318663C9876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4" name="Tijdelijke aanduiding voor inhoud 3">
            <a:extLst>
              <a:ext uri="{FF2B5EF4-FFF2-40B4-BE49-F238E27FC236}">
                <a16:creationId xmlns:a16="http://schemas.microsoft.com/office/drawing/2014/main" id="{7EFE441C-C0CC-424F-898D-901A0070A3E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5" name="Tijdelijke aanduiding voor tekst 4">
            <a:extLst>
              <a:ext uri="{FF2B5EF4-FFF2-40B4-BE49-F238E27FC236}">
                <a16:creationId xmlns:a16="http://schemas.microsoft.com/office/drawing/2014/main" id="{0EFB5A2A-DFA2-4351-9ECD-A5DF2617538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6" name="Tijdelijke aanduiding voor inhoud 5">
            <a:extLst>
              <a:ext uri="{FF2B5EF4-FFF2-40B4-BE49-F238E27FC236}">
                <a16:creationId xmlns:a16="http://schemas.microsoft.com/office/drawing/2014/main" id="{D7A2D9F3-A5D0-489D-B94A-3C33BC80368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7" name="Tijdelijke aanduiding voor datum 6">
            <a:extLst>
              <a:ext uri="{FF2B5EF4-FFF2-40B4-BE49-F238E27FC236}">
                <a16:creationId xmlns:a16="http://schemas.microsoft.com/office/drawing/2014/main" id="{50417A56-7188-4593-924E-E74BD3D6B9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8" name="Tijdelijke aanduiding voor voettekst 7">
            <a:extLst>
              <a:ext uri="{FF2B5EF4-FFF2-40B4-BE49-F238E27FC236}">
                <a16:creationId xmlns:a16="http://schemas.microsoft.com/office/drawing/2014/main" id="{08CE540C-A806-4258-BE39-DE6F786C47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9" name="Tijdelijke aanduiding voor dianummer 8">
            <a:extLst>
              <a:ext uri="{FF2B5EF4-FFF2-40B4-BE49-F238E27FC236}">
                <a16:creationId xmlns:a16="http://schemas.microsoft.com/office/drawing/2014/main" id="{BCBBD783-2628-4BB7-B3AB-4650708FAB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3085711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468E77-E2B7-4689-ABB5-00F9D6C528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41095362-F705-49BD-911B-41E05CA1F8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A1126DB5-5C15-4902-93E8-A8193D2088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19657375-EB5D-4C53-B5F6-953B821D82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3409067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>
            <a:extLst>
              <a:ext uri="{FF2B5EF4-FFF2-40B4-BE49-F238E27FC236}">
                <a16:creationId xmlns:a16="http://schemas.microsoft.com/office/drawing/2014/main" id="{F6432941-2F95-44AA-9C47-1E8CB6E99A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3" name="Tijdelijke aanduiding voor voettekst 2">
            <a:extLst>
              <a:ext uri="{FF2B5EF4-FFF2-40B4-BE49-F238E27FC236}">
                <a16:creationId xmlns:a16="http://schemas.microsoft.com/office/drawing/2014/main" id="{ED6B3A7D-9653-4BEC-B711-2227585DE9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Tijdelijke aanduiding voor dianummer 3">
            <a:extLst>
              <a:ext uri="{FF2B5EF4-FFF2-40B4-BE49-F238E27FC236}">
                <a16:creationId xmlns:a16="http://schemas.microsoft.com/office/drawing/2014/main" id="{BA400179-E1D4-4074-A619-FE992DCF0C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8224964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DC5EEF-F74A-4255-9892-B0A2C56686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24CE6B68-AD75-4011-B818-DBBB5E835D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tekst 3">
            <a:extLst>
              <a:ext uri="{FF2B5EF4-FFF2-40B4-BE49-F238E27FC236}">
                <a16:creationId xmlns:a16="http://schemas.microsoft.com/office/drawing/2014/main" id="{F1F0A1BB-59B0-4A70-9897-176120D7C24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82CBBD70-1FDB-4BA6-84EC-F8367138D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A321C847-805C-410F-9297-7E744861DD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70BB804D-356C-4164-96EB-403E03A4C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8675120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5052A2A-9185-4CC8-8AB4-109FFFF566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afbeelding 2">
            <a:extLst>
              <a:ext uri="{FF2B5EF4-FFF2-40B4-BE49-F238E27FC236}">
                <a16:creationId xmlns:a16="http://schemas.microsoft.com/office/drawing/2014/main" id="{931D6504-C683-47A6-B9B6-A3F8A2CD70C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nl-NL"/>
          </a:p>
        </p:txBody>
      </p:sp>
      <p:sp>
        <p:nvSpPr>
          <p:cNvPr id="4" name="Tijdelijke aanduiding voor tekst 3">
            <a:extLst>
              <a:ext uri="{FF2B5EF4-FFF2-40B4-BE49-F238E27FC236}">
                <a16:creationId xmlns:a16="http://schemas.microsoft.com/office/drawing/2014/main" id="{633C9892-A331-4B7D-BD8E-DB5769DDDA3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l-NL"/>
              <a:t>Klikken om de tekststijl van het model te bewerken</a:t>
            </a:r>
          </a:p>
        </p:txBody>
      </p:sp>
      <p:sp>
        <p:nvSpPr>
          <p:cNvPr id="5" name="Tijdelijke aanduiding voor datum 4">
            <a:extLst>
              <a:ext uri="{FF2B5EF4-FFF2-40B4-BE49-F238E27FC236}">
                <a16:creationId xmlns:a16="http://schemas.microsoft.com/office/drawing/2014/main" id="{E9F37605-8176-498F-AFDD-5B68839B38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6" name="Tijdelijke aanduiding voor voettekst 5">
            <a:extLst>
              <a:ext uri="{FF2B5EF4-FFF2-40B4-BE49-F238E27FC236}">
                <a16:creationId xmlns:a16="http://schemas.microsoft.com/office/drawing/2014/main" id="{9226BFA7-BE79-4F28-816B-84D8DE5550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7" name="Tijdelijke aanduiding voor dianummer 6">
            <a:extLst>
              <a:ext uri="{FF2B5EF4-FFF2-40B4-BE49-F238E27FC236}">
                <a16:creationId xmlns:a16="http://schemas.microsoft.com/office/drawing/2014/main" id="{5ECD6143-4951-4618-9C8F-0495CF5A48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671144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>
            <a:extLst>
              <a:ext uri="{FF2B5EF4-FFF2-40B4-BE49-F238E27FC236}">
                <a16:creationId xmlns:a16="http://schemas.microsoft.com/office/drawing/2014/main" id="{C29D33A6-F16B-4FDA-99E6-7F1BD3FA67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l-NL"/>
              <a:t>Klik om stijl te bewerken</a:t>
            </a:r>
          </a:p>
        </p:txBody>
      </p:sp>
      <p:sp>
        <p:nvSpPr>
          <p:cNvPr id="3" name="Tijdelijke aanduiding voor tekst 2">
            <a:extLst>
              <a:ext uri="{FF2B5EF4-FFF2-40B4-BE49-F238E27FC236}">
                <a16:creationId xmlns:a16="http://schemas.microsoft.com/office/drawing/2014/main" id="{0D0C6B1F-6DA8-4C2B-B42D-7AAD60F25D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4" name="Tijdelijke aanduiding voor datum 3">
            <a:extLst>
              <a:ext uri="{FF2B5EF4-FFF2-40B4-BE49-F238E27FC236}">
                <a16:creationId xmlns:a16="http://schemas.microsoft.com/office/drawing/2014/main" id="{E3A6E537-D7E8-47EE-B0D0-5FE3E108936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AFB460-E7E2-4507-AAF2-F31A5ACC3A40}" type="datetimeFigureOut">
              <a:rPr lang="nl-NL" smtClean="0"/>
              <a:t>6-1-2022</a:t>
            </a:fld>
            <a:endParaRPr lang="nl-NL"/>
          </a:p>
        </p:txBody>
      </p:sp>
      <p:sp>
        <p:nvSpPr>
          <p:cNvPr id="5" name="Tijdelijke aanduiding voor voettekst 4">
            <a:extLst>
              <a:ext uri="{FF2B5EF4-FFF2-40B4-BE49-F238E27FC236}">
                <a16:creationId xmlns:a16="http://schemas.microsoft.com/office/drawing/2014/main" id="{F89B7948-7C1B-4E27-A5C0-6626FAF5F9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nl-NL"/>
          </a:p>
        </p:txBody>
      </p:sp>
      <p:sp>
        <p:nvSpPr>
          <p:cNvPr id="6" name="Tijdelijke aanduiding voor dianummer 5">
            <a:extLst>
              <a:ext uri="{FF2B5EF4-FFF2-40B4-BE49-F238E27FC236}">
                <a16:creationId xmlns:a16="http://schemas.microsoft.com/office/drawing/2014/main" id="{4F36582C-900D-4976-85D1-3DDC6D99120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F9113DB-6E4B-4006-802B-9B4407470EE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7504690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1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ep 2"/>
          <p:cNvGrpSpPr/>
          <p:nvPr/>
        </p:nvGrpSpPr>
        <p:grpSpPr>
          <a:xfrm>
            <a:off x="881852" y="1053096"/>
            <a:ext cx="11035256" cy="5305772"/>
            <a:chOff x="881852" y="1053096"/>
            <a:chExt cx="11035256" cy="5305772"/>
          </a:xfrm>
        </p:grpSpPr>
        <p:sp>
          <p:nvSpPr>
            <p:cNvPr id="5" name="OTLSHAPE_SL_a6b291b9f3134548847ec52cf049f87b_HeaderRectangle">
              <a:extLst>
                <a:ext uri="{FF2B5EF4-FFF2-40B4-BE49-F238E27FC236}">
                  <a16:creationId xmlns:a16="http://schemas.microsoft.com/office/drawing/2014/main" id="{1A6AB359-2DF5-4B77-A8C6-1B5BADDB05D1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881852" y="4847589"/>
              <a:ext cx="749300" cy="375451"/>
            </a:xfrm>
            <a:prstGeom prst="rect">
              <a:avLst/>
            </a:prstGeom>
            <a:solidFill>
              <a:srgbClr val="F0642F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6" name="Groep 5"/>
            <p:cNvGrpSpPr/>
            <p:nvPr/>
          </p:nvGrpSpPr>
          <p:grpSpPr>
            <a:xfrm>
              <a:off x="882982" y="4851564"/>
              <a:ext cx="10849072" cy="378178"/>
              <a:chOff x="892184" y="1924489"/>
              <a:chExt cx="10849072" cy="1242121"/>
            </a:xfrm>
          </p:grpSpPr>
          <p:sp>
            <p:nvSpPr>
              <p:cNvPr id="127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86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8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87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9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88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0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1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90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7" name="OTLSHAPE_SL_7c21b9d0849c4bca94c2f6458ca272ef_BackgroundRectangle">
              <a:extLst>
                <a:ext uri="{FF2B5EF4-FFF2-40B4-BE49-F238E27FC236}">
                  <a16:creationId xmlns:a16="http://schemas.microsoft.com/office/drawing/2014/main" id="{70CC2CF1-4FA0-4789-9EEB-CC6AD563AAAA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2600778" y="5736404"/>
              <a:ext cx="2242263" cy="376378"/>
            </a:xfrm>
            <a:prstGeom prst="rect">
              <a:avLst/>
            </a:prstGeom>
            <a:solidFill>
              <a:schemeClr val="dk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" name="OTLSHAPE_SL_7c21b9d0849c4bca94c2f6458ca272ef_BackgroundRectangle">
              <a:extLst>
                <a:ext uri="{FF2B5EF4-FFF2-40B4-BE49-F238E27FC236}">
                  <a16:creationId xmlns:a16="http://schemas.microsoft.com/office/drawing/2014/main" id="{DB9D0FB1-3F38-4F0F-A3AE-54B9BE8B8A90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4900170" y="5736404"/>
              <a:ext cx="2242263" cy="376378"/>
            </a:xfrm>
            <a:prstGeom prst="rect">
              <a:avLst/>
            </a:prstGeom>
            <a:solidFill>
              <a:schemeClr val="dk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OTLSHAPE_SL_7c21b9d0849c4bca94c2f6458ca272ef_BackgroundRectangle">
              <a:extLst>
                <a:ext uri="{FF2B5EF4-FFF2-40B4-BE49-F238E27FC236}">
                  <a16:creationId xmlns:a16="http://schemas.microsoft.com/office/drawing/2014/main" id="{199ABA1A-2B63-453D-8A2A-018A1313AA38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>
              <a:off x="7199562" y="5736404"/>
              <a:ext cx="2242263" cy="376378"/>
            </a:xfrm>
            <a:prstGeom prst="rect">
              <a:avLst/>
            </a:prstGeom>
            <a:solidFill>
              <a:schemeClr val="dk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OTLSHAPE_SL_7c21b9d0849c4bca94c2f6458ca272ef_BackgroundRectangle">
              <a:extLst>
                <a:ext uri="{FF2B5EF4-FFF2-40B4-BE49-F238E27FC236}">
                  <a16:creationId xmlns:a16="http://schemas.microsoft.com/office/drawing/2014/main" id="{C84F4559-896E-4C6B-921F-1B41713114E4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9498954" y="5736404"/>
              <a:ext cx="2242263" cy="376378"/>
            </a:xfrm>
            <a:prstGeom prst="rect">
              <a:avLst/>
            </a:prstGeom>
            <a:solidFill>
              <a:schemeClr val="dk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OTLSHAPE_SL_7c21b9d0849c4bca94c2f6458ca272ef_BackgroundRectangle">
              <a:extLst>
                <a:ext uri="{FF2B5EF4-FFF2-40B4-BE49-F238E27FC236}">
                  <a16:creationId xmlns:a16="http://schemas.microsoft.com/office/drawing/2014/main" id="{70CC2CF1-4FA0-4789-9EEB-CC6AD563AAAA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892145" y="5734604"/>
              <a:ext cx="1651504" cy="376378"/>
            </a:xfrm>
            <a:prstGeom prst="rect">
              <a:avLst/>
            </a:prstGeom>
            <a:solidFill>
              <a:schemeClr val="dk1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12" name="Groep 11"/>
            <p:cNvGrpSpPr/>
            <p:nvPr/>
          </p:nvGrpSpPr>
          <p:grpSpPr>
            <a:xfrm>
              <a:off x="882982" y="5277072"/>
              <a:ext cx="10849072" cy="378178"/>
              <a:chOff x="892184" y="1924489"/>
              <a:chExt cx="10849072" cy="1242121"/>
            </a:xfrm>
          </p:grpSpPr>
          <p:sp>
            <p:nvSpPr>
              <p:cNvPr id="122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81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3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82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4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83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5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84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6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85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13" name="Groep 12"/>
            <p:cNvGrpSpPr/>
            <p:nvPr/>
          </p:nvGrpSpPr>
          <p:grpSpPr>
            <a:xfrm>
              <a:off x="888972" y="1423628"/>
              <a:ext cx="10849072" cy="1058407"/>
              <a:chOff x="892184" y="1924489"/>
              <a:chExt cx="10849072" cy="1242121"/>
            </a:xfrm>
          </p:grpSpPr>
          <p:sp>
            <p:nvSpPr>
              <p:cNvPr id="117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76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8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9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78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lvl="0" algn="ctr">
                  <a:defRPr/>
                </a:pPr>
                <a:endParaRPr lang="en-US" sz="600" b="1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0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79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1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80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14" name="Groep 13"/>
            <p:cNvGrpSpPr/>
            <p:nvPr/>
          </p:nvGrpSpPr>
          <p:grpSpPr>
            <a:xfrm>
              <a:off x="882982" y="2538329"/>
              <a:ext cx="10849072" cy="1189871"/>
              <a:chOff x="892184" y="1924489"/>
              <a:chExt cx="10849072" cy="1242121"/>
            </a:xfrm>
          </p:grpSpPr>
          <p:sp>
            <p:nvSpPr>
              <p:cNvPr id="112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71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6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72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6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4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6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5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6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6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75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6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15" name="Groep 14"/>
            <p:cNvGrpSpPr/>
            <p:nvPr/>
          </p:nvGrpSpPr>
          <p:grpSpPr>
            <a:xfrm>
              <a:off x="882982" y="3774556"/>
              <a:ext cx="10849072" cy="451143"/>
              <a:chOff x="892184" y="1924489"/>
              <a:chExt cx="10849072" cy="1242121"/>
            </a:xfrm>
          </p:grpSpPr>
          <p:sp>
            <p:nvSpPr>
              <p:cNvPr id="107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66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8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67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9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68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0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69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1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70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16" name="OTLSHAPE_SL_7c21b9d0849c4bca94c2f6458ca272ef_HeaderRectangle">
              <a:extLst>
                <a:ext uri="{FF2B5EF4-FFF2-40B4-BE49-F238E27FC236}">
                  <a16:creationId xmlns:a16="http://schemas.microsoft.com/office/drawing/2014/main" id="{DDD59738-A5C7-46F4-9509-99A3CC1A71F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0800000">
              <a:off x="888972" y="1423626"/>
              <a:ext cx="749300" cy="1053372"/>
            </a:xfrm>
            <a:prstGeom prst="rect">
              <a:avLst/>
            </a:prstGeom>
            <a:solidFill>
              <a:srgbClr val="9ADED8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" name="OTLSHAPE_SL_d9a7df2045804d9cb17247706c303bca_HeaderRectangle">
              <a:extLst>
                <a:ext uri="{FF2B5EF4-FFF2-40B4-BE49-F238E27FC236}">
                  <a16:creationId xmlns:a16="http://schemas.microsoft.com/office/drawing/2014/main" id="{158DF5F6-EC72-459A-B4E8-8F24C7CB5B37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892057" y="2529771"/>
              <a:ext cx="749300" cy="1194030"/>
            </a:xfrm>
            <a:prstGeom prst="rect">
              <a:avLst/>
            </a:prstGeom>
            <a:solidFill>
              <a:srgbClr val="6F3198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" name="OTLSHAPE_SL_289bf47ff7d04780b5bda4d0e147a7d0_HeaderRectangle">
              <a:extLst>
                <a:ext uri="{FF2B5EF4-FFF2-40B4-BE49-F238E27FC236}">
                  <a16:creationId xmlns:a16="http://schemas.microsoft.com/office/drawing/2014/main" id="{DC61BD75-B783-4A44-8E3F-F4823C651D6A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896885" y="3784673"/>
              <a:ext cx="749300" cy="429908"/>
            </a:xfrm>
            <a:prstGeom prst="rect">
              <a:avLst/>
            </a:prstGeom>
            <a:solidFill>
              <a:srgbClr val="FEBA0A">
                <a:alpha val="49804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" name="OTLSHAPE_SLT_5fdc1ae17390491587eeb3e0a5701e86_Shape">
              <a:extLst>
                <a:ext uri="{FF2B5EF4-FFF2-40B4-BE49-F238E27FC236}">
                  <a16:creationId xmlns:a16="http://schemas.microsoft.com/office/drawing/2014/main" id="{80D8DECE-735F-425C-AE7B-1624D9DA27CC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3709305" y="2947722"/>
              <a:ext cx="8011360" cy="216735"/>
            </a:xfrm>
            <a:prstGeom prst="chevron">
              <a:avLst/>
            </a:prstGeom>
            <a:solidFill>
              <a:srgbClr val="A363C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OTLSHAPE_SLT_7b84b718e11f4f268861d3782ad6ec3d_Shape">
              <a:extLst>
                <a:ext uri="{FF2B5EF4-FFF2-40B4-BE49-F238E27FC236}">
                  <a16:creationId xmlns:a16="http://schemas.microsoft.com/office/drawing/2014/main" id="{973B9C32-C3F1-4AAD-9C03-8F303438CC15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3709305" y="3831197"/>
              <a:ext cx="6909357" cy="216735"/>
            </a:xfrm>
            <a:prstGeom prst="chevron">
              <a:avLst/>
            </a:prstGeom>
            <a:solidFill>
              <a:srgbClr val="E4D41F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" name="OTLSHAPE_SLT_7b84b718e11f4f268861d3782ad6ec3d_ShapePercentage">
              <a:extLst>
                <a:ext uri="{FF2B5EF4-FFF2-40B4-BE49-F238E27FC236}">
                  <a16:creationId xmlns:a16="http://schemas.microsoft.com/office/drawing/2014/main" id="{54B6576A-0278-4EC1-A832-6C70193A6861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>
            <a:xfrm>
              <a:off x="6012138" y="3829294"/>
              <a:ext cx="4532138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gerichte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marktinnovati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22" name="OTLSHAPE_SLT_1fb5c9bea8d7491e93ab109404a0a91b_ShapePercentage">
              <a:extLst>
                <a:ext uri="{FF2B5EF4-FFF2-40B4-BE49-F238E27FC236}">
                  <a16:creationId xmlns:a16="http://schemas.microsoft.com/office/drawing/2014/main" id="{A6198369-79CD-4FF0-8FC5-AEEA36D289D5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8363261" y="2947722"/>
              <a:ext cx="2188930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anbestedingsprocedur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Tekstvak 22"/>
            <p:cNvSpPr txBox="1"/>
            <p:nvPr/>
          </p:nvSpPr>
          <p:spPr>
            <a:xfrm>
              <a:off x="2339560" y="1178118"/>
              <a:ext cx="447558" cy="2626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i="1" dirty="0" smtClean="0"/>
                <a:t>2022</a:t>
              </a:r>
              <a:endParaRPr lang="nl-NL" sz="1000" i="1" dirty="0"/>
            </a:p>
          </p:txBody>
        </p:sp>
        <p:sp>
          <p:nvSpPr>
            <p:cNvPr id="24" name="Tekstvak 23"/>
            <p:cNvSpPr txBox="1"/>
            <p:nvPr/>
          </p:nvSpPr>
          <p:spPr>
            <a:xfrm>
              <a:off x="4609079" y="1178118"/>
              <a:ext cx="447558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b="1" i="1" dirty="0" smtClean="0"/>
                <a:t>2024</a:t>
              </a:r>
              <a:endParaRPr lang="nl-NL" sz="1000" b="1" i="1" dirty="0"/>
            </a:p>
          </p:txBody>
        </p:sp>
        <p:sp>
          <p:nvSpPr>
            <p:cNvPr id="25" name="Tekstvak 24"/>
            <p:cNvSpPr txBox="1"/>
            <p:nvPr/>
          </p:nvSpPr>
          <p:spPr>
            <a:xfrm>
              <a:off x="6905855" y="1178118"/>
              <a:ext cx="447558" cy="2626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i="1" dirty="0" smtClean="0"/>
                <a:t>2026</a:t>
              </a:r>
              <a:endParaRPr lang="nl-NL" sz="1000" i="1" dirty="0"/>
            </a:p>
          </p:txBody>
        </p:sp>
        <p:sp>
          <p:nvSpPr>
            <p:cNvPr id="26" name="Tekstvak 25"/>
            <p:cNvSpPr txBox="1"/>
            <p:nvPr/>
          </p:nvSpPr>
          <p:spPr>
            <a:xfrm>
              <a:off x="9175374" y="1178118"/>
              <a:ext cx="447558" cy="2626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i="1" dirty="0" smtClean="0"/>
                <a:t>2028</a:t>
              </a:r>
              <a:endParaRPr lang="nl-NL" sz="1000" i="1" dirty="0"/>
            </a:p>
          </p:txBody>
        </p:sp>
        <p:sp>
          <p:nvSpPr>
            <p:cNvPr id="27" name="Tekstvak 26"/>
            <p:cNvSpPr txBox="1"/>
            <p:nvPr/>
          </p:nvSpPr>
          <p:spPr>
            <a:xfrm>
              <a:off x="11469550" y="1178118"/>
              <a:ext cx="447558" cy="2626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i="1" dirty="0" smtClean="0"/>
                <a:t>2030</a:t>
              </a:r>
              <a:endParaRPr lang="nl-NL" sz="1000" i="1" dirty="0"/>
            </a:p>
          </p:txBody>
        </p:sp>
        <p:sp>
          <p:nvSpPr>
            <p:cNvPr id="28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899382" y="1992235"/>
              <a:ext cx="732899" cy="19844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</a:rPr>
                <a:t>Programma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</a:rPr>
                <a:t> Waddeneilanden |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err="1" smtClean="0">
                  <a:latin typeface="Calibri" panose="020F0502020204030204" pitchFamily="34" charset="0"/>
                </a:rPr>
                <a:t>Optimaal</a:t>
              </a:r>
              <a:r>
                <a:rPr lang="en-US" sz="600" b="1" noProof="0" dirty="0" smtClean="0">
                  <a:latin typeface="Calibri" panose="020F0502020204030204" pitchFamily="34" charset="0"/>
                </a:rPr>
                <a:t> </a:t>
              </a:r>
              <a:r>
                <a:rPr lang="en-US" sz="600" b="1" noProof="0" dirty="0" err="1" smtClean="0">
                  <a:latin typeface="Calibri" panose="020F0502020204030204" pitchFamily="34" charset="0"/>
                </a:rPr>
                <a:t>Verbonden</a:t>
              </a:r>
              <a:r>
                <a:rPr lang="en-US" sz="600" b="1" noProof="0" dirty="0" smtClean="0">
                  <a:latin typeface="Calibri" panose="020F0502020204030204" pitchFamily="34" charset="0"/>
                </a:rPr>
                <a:t> &amp; </a:t>
              </a:r>
              <a:r>
                <a:rPr lang="en-US" sz="600" b="1" noProof="0" dirty="0" err="1" smtClean="0">
                  <a:latin typeface="Calibri" panose="020F0502020204030204" pitchFamily="34" charset="0"/>
                </a:rPr>
                <a:t>Bereikbaar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29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893393" y="2871689"/>
              <a:ext cx="744879" cy="53408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latin typeface="Calibri" panose="020F0502020204030204" pitchFamily="34" charset="0"/>
                </a:rPr>
                <a:t>Concessie</a:t>
              </a:r>
              <a:endParaRPr lang="en-US" sz="600" b="1" dirty="0" smtClean="0">
                <a:latin typeface="Calibri" panose="020F0502020204030204" pitchFamily="34" charset="0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>
                  <a:latin typeface="Calibri" panose="020F0502020204030204" pitchFamily="34" charset="0"/>
                </a:rPr>
                <a:t>v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</a:rPr>
                <a:t>erlening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latin typeface="Calibri" panose="020F0502020204030204" pitchFamily="34" charset="0"/>
                </a:rPr>
                <a:t>Waddenveren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0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906357" y="3874579"/>
              <a:ext cx="714536" cy="19844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latin typeface="Calibri" panose="020F0502020204030204" pitchFamily="34" charset="0"/>
                </a:rPr>
                <a:t>Markt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</a:rPr>
                <a:t>innovatie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1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906357" y="4834789"/>
              <a:ext cx="714536" cy="43143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err="1" smtClean="0">
                  <a:latin typeface="Calibri" panose="020F0502020204030204" pitchFamily="34" charset="0"/>
                </a:rPr>
                <a:t>Technologisch</a:t>
              </a:r>
              <a:r>
                <a:rPr lang="en-US" sz="600" b="1" noProof="0" dirty="0" smtClean="0">
                  <a:latin typeface="Calibri" panose="020F0502020204030204" pitchFamily="34" charset="0"/>
                </a:rPr>
                <a:t> &amp;</a:t>
              </a:r>
              <a:r>
                <a:rPr lang="en-US" sz="600" b="1" dirty="0" smtClean="0">
                  <a:latin typeface="Calibri" panose="020F0502020204030204" pitchFamily="34" charset="0"/>
                </a:rPr>
                <a:t> l</a:t>
              </a:r>
              <a:r>
                <a:rPr lang="en-US" sz="600" b="1" noProof="0" dirty="0" err="1" smtClean="0">
                  <a:latin typeface="Calibri" panose="020F0502020204030204" pitchFamily="34" charset="0"/>
                </a:rPr>
                <a:t>ogistiek</a:t>
              </a:r>
              <a:r>
                <a:rPr lang="en-US" sz="600" b="1" dirty="0" smtClean="0">
                  <a:latin typeface="Calibri" panose="020F0502020204030204" pitchFamily="34" charset="0"/>
                </a:rPr>
                <a:t>o</a:t>
              </a:r>
              <a:r>
                <a:rPr lang="en-US" sz="600" b="1" noProof="0" dirty="0" err="1" smtClean="0">
                  <a:latin typeface="Calibri" panose="020F0502020204030204" pitchFamily="34" charset="0"/>
                </a:rPr>
                <a:t>nderzoek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2" name="Tekstvak 31"/>
            <p:cNvSpPr txBox="1"/>
            <p:nvPr/>
          </p:nvSpPr>
          <p:spPr>
            <a:xfrm>
              <a:off x="7313883" y="3146074"/>
              <a:ext cx="904591" cy="2954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l-NL" sz="600" dirty="0" smtClean="0"/>
                <a:t>scope nieuwe </a:t>
              </a:r>
            </a:p>
            <a:p>
              <a:r>
                <a:rPr lang="nl-NL" sz="600" dirty="0" smtClean="0"/>
                <a:t>concessie bekend</a:t>
              </a:r>
              <a:endParaRPr lang="nl-NL" sz="600" dirty="0"/>
            </a:p>
          </p:txBody>
        </p:sp>
        <p:sp>
          <p:nvSpPr>
            <p:cNvPr id="33" name="OTLSHAPE_SLT_5fdc1ae17390491587eeb3e0a5701e86_Shape">
              <a:extLst>
                <a:ext uri="{FF2B5EF4-FFF2-40B4-BE49-F238E27FC236}">
                  <a16:creationId xmlns:a16="http://schemas.microsoft.com/office/drawing/2014/main" id="{80D8DECE-735F-425C-AE7B-1624D9DA27CC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1781149" y="3447531"/>
              <a:ext cx="8783410" cy="216735"/>
            </a:xfrm>
            <a:prstGeom prst="chevron">
              <a:avLst/>
            </a:prstGeom>
            <a:solidFill>
              <a:srgbClr val="A363C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>
                  <a:solidFill>
                    <a:schemeClr val="bg1"/>
                  </a:solidFill>
                  <a:latin typeface="Calibri" panose="020F0502020204030204"/>
                </a:rPr>
                <a:t>h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/>
                </a:rPr>
                <a:t>uidige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schemeClr val="bg1"/>
                  </a:solidFill>
                  <a:effectLst/>
                  <a:uLnTx/>
                  <a:uFillTx/>
                  <a:latin typeface="Calibri" panose="020F0502020204030204"/>
                </a:rPr>
                <a:t>concessi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grpSp>
          <p:nvGrpSpPr>
            <p:cNvPr id="34" name="Groep 33"/>
            <p:cNvGrpSpPr/>
            <p:nvPr/>
          </p:nvGrpSpPr>
          <p:grpSpPr>
            <a:xfrm>
              <a:off x="881852" y="4282409"/>
              <a:ext cx="10849072" cy="518104"/>
              <a:chOff x="892184" y="1924489"/>
              <a:chExt cx="10849072" cy="1242121"/>
            </a:xfrm>
          </p:grpSpPr>
          <p:sp>
            <p:nvSpPr>
              <p:cNvPr id="102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2600817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3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DB9D0FB1-3F38-4F0F-A3AE-54B9BE8B8A90}"/>
                  </a:ext>
                </a:extLst>
              </p:cNvPr>
              <p:cNvSpPr/>
              <p:nvPr>
                <p:custDataLst>
                  <p:tags r:id="rId62"/>
                </p:custDataLst>
              </p:nvPr>
            </p:nvSpPr>
            <p:spPr>
              <a:xfrm>
                <a:off x="4900209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199ABA1A-2B63-453D-8A2A-018A1313AA38}"/>
                  </a:ext>
                </a:extLst>
              </p:cNvPr>
              <p:cNvSpPr/>
              <p:nvPr>
                <p:custDataLst>
                  <p:tags r:id="rId63"/>
                </p:custDataLst>
              </p:nvPr>
            </p:nvSpPr>
            <p:spPr>
              <a:xfrm>
                <a:off x="7199601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5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C84F4559-896E-4C6B-921F-1B41713114E4}"/>
                  </a:ext>
                </a:extLst>
              </p:cNvPr>
              <p:cNvSpPr/>
              <p:nvPr>
                <p:custDataLst>
                  <p:tags r:id="rId64"/>
                </p:custDataLst>
              </p:nvPr>
            </p:nvSpPr>
            <p:spPr>
              <a:xfrm>
                <a:off x="9498993" y="1930400"/>
                <a:ext cx="2242263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6" name="OTLSHAPE_SL_7c21b9d0849c4bca94c2f6458ca272ef_BackgroundRectangle">
                <a:extLst>
                  <a:ext uri="{FF2B5EF4-FFF2-40B4-BE49-F238E27FC236}">
                    <a16:creationId xmlns:a16="http://schemas.microsoft.com/office/drawing/2014/main" id="{70CC2CF1-4FA0-4789-9EEB-CC6AD563AAAA}"/>
                  </a:ext>
                </a:extLst>
              </p:cNvPr>
              <p:cNvSpPr/>
              <p:nvPr>
                <p:custDataLst>
                  <p:tags r:id="rId65"/>
                </p:custDataLst>
              </p:nvPr>
            </p:nvSpPr>
            <p:spPr>
              <a:xfrm>
                <a:off x="892184" y="1924489"/>
                <a:ext cx="1651504" cy="1236210"/>
              </a:xfrm>
              <a:prstGeom prst="rect">
                <a:avLst/>
              </a:prstGeom>
              <a:solidFill>
                <a:schemeClr val="dk1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35" name="OTLSHAPE_SL_289bf47ff7d04780b5bda4d0e147a7d0_HeaderRectangle">
              <a:extLst>
                <a:ext uri="{FF2B5EF4-FFF2-40B4-BE49-F238E27FC236}">
                  <a16:creationId xmlns:a16="http://schemas.microsoft.com/office/drawing/2014/main" id="{DC61BD75-B783-4A44-8E3F-F4823C651D6A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896885" y="4280854"/>
              <a:ext cx="710892" cy="517193"/>
            </a:xfrm>
            <a:prstGeom prst="rect">
              <a:avLst/>
            </a:prstGeom>
            <a:solidFill>
              <a:schemeClr val="accent6">
                <a:lumMod val="75000"/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908758" y="4356483"/>
              <a:ext cx="709726" cy="31654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err="1" smtClean="0">
                  <a:latin typeface="Calibri" panose="020F0502020204030204" pitchFamily="34" charset="0"/>
                </a:rPr>
                <a:t>Vervolgonderzoek</a:t>
              </a:r>
              <a:endParaRPr kumimoji="0" lang="en-US" sz="600" b="1" i="0" u="none" strike="noStrike" kern="1200" cap="none" spc="0" normalizeH="0" baseline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latin typeface="Calibri" panose="020F0502020204030204" pitchFamily="34" charset="0"/>
                </a:rPr>
                <a:t>Holwerd</a:t>
              </a:r>
              <a:r>
                <a:rPr lang="en-US" sz="600" b="1" dirty="0" smtClean="0">
                  <a:latin typeface="Calibri" panose="020F0502020204030204" pitchFamily="34" charset="0"/>
                </a:rPr>
                <a:t> - Ameland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37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2582576" y="4966118"/>
              <a:ext cx="2414372" cy="216735"/>
            </a:xfrm>
            <a:prstGeom prst="chevron">
              <a:avLst/>
            </a:prstGeom>
            <a:solidFill>
              <a:srgbClr val="E3741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794733" y="4334657"/>
              <a:ext cx="2789841" cy="216735"/>
            </a:xfrm>
            <a:prstGeom prst="chevron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" name="OTLSHAPE_SLT_b3b24f30dd09423f88609133eedceb09_ShapePercentage">
              <a:extLst>
                <a:ext uri="{FF2B5EF4-FFF2-40B4-BE49-F238E27FC236}">
                  <a16:creationId xmlns:a16="http://schemas.microsoft.com/office/drawing/2014/main" id="{496DA9CA-F859-45F5-B5E4-1D33D8D4C245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882288" y="4333301"/>
              <a:ext cx="2635414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err="1" smtClean="0">
                  <a:solidFill>
                    <a:prstClr val="white"/>
                  </a:solidFill>
                  <a:latin typeface="Calibri" panose="020F0502020204030204"/>
                </a:rPr>
                <a:t>vervolgonderzoek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OTLSHAPE_SLT_b3b24f30dd09423f88609133eedceb09_ShapePercentage">
              <a:extLst>
                <a:ext uri="{FF2B5EF4-FFF2-40B4-BE49-F238E27FC236}">
                  <a16:creationId xmlns:a16="http://schemas.microsoft.com/office/drawing/2014/main" id="{496DA9CA-F859-45F5-B5E4-1D33D8D4C245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2655165" y="4966118"/>
              <a:ext cx="1063216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onderzoek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huidige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vervoerstromen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3" name="OTLSHAPE_SLT_1fb5c9bea8d7491e93ab109404a0a91b_ShapePercentage">
              <a:extLst>
                <a:ext uri="{FF2B5EF4-FFF2-40B4-BE49-F238E27FC236}">
                  <a16:creationId xmlns:a16="http://schemas.microsoft.com/office/drawing/2014/main" id="{A6198369-79CD-4FF0-8FC5-AEEA36D289D5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7190399" y="2947722"/>
              <a:ext cx="1189482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>
                  <a:solidFill>
                    <a:prstClr val="white"/>
                  </a:solidFill>
                  <a:latin typeface="Calibri" panose="020F0502020204030204"/>
                </a:rPr>
                <a:t>v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oorbereiding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aanbesteding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" name="OTLSHAPE_SLT_1fb5c9bea8d7491e93ab109404a0a91b_ShapePercentage">
              <a:extLst>
                <a:ext uri="{FF2B5EF4-FFF2-40B4-BE49-F238E27FC236}">
                  <a16:creationId xmlns:a16="http://schemas.microsoft.com/office/drawing/2014/main" id="{A6198369-79CD-4FF0-8FC5-AEEA36D289D5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6004999" y="2948215"/>
              <a:ext cx="1183659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>
                  <a:solidFill>
                    <a:prstClr val="white"/>
                  </a:solidFill>
                  <a:latin typeface="Calibri" panose="020F0502020204030204"/>
                </a:rPr>
                <a:t>v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oorbereiding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nieuwe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concessi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OTLSHAPE_SLT_1fb5c9bea8d7491e93ab109404a0a91b_ShapePercentage">
              <a:extLst>
                <a:ext uri="{FF2B5EF4-FFF2-40B4-BE49-F238E27FC236}">
                  <a16:creationId xmlns:a16="http://schemas.microsoft.com/office/drawing/2014/main" id="{A6198369-79CD-4FF0-8FC5-AEEA36D289D5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0544276" y="2947722"/>
              <a:ext cx="1102379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nieuwe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ncessi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7" name="Tekstvak 46"/>
            <p:cNvSpPr txBox="1"/>
            <p:nvPr/>
          </p:nvSpPr>
          <p:spPr>
            <a:xfrm>
              <a:off x="3281663" y="3102324"/>
              <a:ext cx="890670" cy="2954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nl-NL" sz="600" dirty="0" smtClean="0"/>
            </a:p>
            <a:p>
              <a:r>
                <a:rPr lang="nl-NL" sz="600" dirty="0" smtClean="0"/>
                <a:t>evaluatieresultaten</a:t>
              </a:r>
            </a:p>
          </p:txBody>
        </p:sp>
        <p:sp>
          <p:nvSpPr>
            <p:cNvPr id="48" name="Tekstvak 47"/>
            <p:cNvSpPr txBox="1"/>
            <p:nvPr/>
          </p:nvSpPr>
          <p:spPr>
            <a:xfrm>
              <a:off x="5019786" y="3065702"/>
              <a:ext cx="1000813" cy="39393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nl-NL" sz="600" dirty="0" smtClean="0"/>
            </a:p>
            <a:p>
              <a:r>
                <a:rPr lang="nl-NL" sz="600" dirty="0"/>
                <a:t>h</a:t>
              </a:r>
              <a:r>
                <a:rPr lang="nl-NL" sz="600" dirty="0" smtClean="0"/>
                <a:t>elderheid </a:t>
              </a:r>
            </a:p>
            <a:p>
              <a:r>
                <a:rPr lang="nl-NL" sz="600" dirty="0" smtClean="0"/>
                <a:t>decentralisatie</a:t>
              </a:r>
              <a:endParaRPr lang="nl-NL" sz="600" dirty="0"/>
            </a:p>
          </p:txBody>
        </p:sp>
        <p:sp>
          <p:nvSpPr>
            <p:cNvPr id="49" name="Tekstvak 48"/>
            <p:cNvSpPr txBox="1"/>
            <p:nvPr/>
          </p:nvSpPr>
          <p:spPr>
            <a:xfrm>
              <a:off x="3014965" y="1421618"/>
              <a:ext cx="3225011" cy="88634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nl-NL" sz="600" dirty="0" smtClean="0"/>
            </a:p>
            <a:p>
              <a:r>
                <a:rPr lang="nl-NL" sz="600" i="1" dirty="0" smtClean="0"/>
                <a:t> dialoog, leren en besluiten over randvoorwaarden &amp; uitgangspunten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omvang mobiliteitsbehoefte 2030-2050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verdeling van mobiliteitsbehoefte (wisseldagen, seizoen piek-dal verhouding)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mate van autoluw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scheiden personen – vracht / scheiden toerist -  forens / wel-deels-niet ‘op getij’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vrijheidsgraden </a:t>
              </a:r>
              <a:r>
                <a:rPr lang="nl-NL" sz="600" i="1" dirty="0" err="1" smtClean="0"/>
                <a:t>adaptiviteit</a:t>
              </a:r>
              <a:r>
                <a:rPr lang="nl-NL" sz="600" i="1" dirty="0" smtClean="0"/>
                <a:t> (geulsysteem, vraag-aanbod, wel-deels-niet dienstregeling)</a:t>
              </a:r>
            </a:p>
            <a:p>
              <a:endParaRPr lang="nl-NL" sz="600" dirty="0" smtClean="0"/>
            </a:p>
          </p:txBody>
        </p:sp>
        <p:sp>
          <p:nvSpPr>
            <p:cNvPr id="52" name="Tekstvak 51"/>
            <p:cNvSpPr txBox="1"/>
            <p:nvPr/>
          </p:nvSpPr>
          <p:spPr>
            <a:xfrm>
              <a:off x="8506247" y="3156502"/>
              <a:ext cx="795494" cy="29545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l-NL" sz="600" dirty="0" smtClean="0"/>
                <a:t>nieuwe concessie</a:t>
              </a:r>
            </a:p>
            <a:p>
              <a:r>
                <a:rPr lang="nl-NL" sz="600" dirty="0" smtClean="0"/>
                <a:t>gepubliceerd</a:t>
              </a:r>
              <a:endParaRPr lang="nl-NL" sz="600" dirty="0"/>
            </a:p>
          </p:txBody>
        </p:sp>
        <p:sp>
          <p:nvSpPr>
            <p:cNvPr id="53" name="Tekstvak 52"/>
            <p:cNvSpPr txBox="1"/>
            <p:nvPr/>
          </p:nvSpPr>
          <p:spPr>
            <a:xfrm>
              <a:off x="10738242" y="3212638"/>
              <a:ext cx="756938" cy="2954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600" dirty="0" smtClean="0"/>
                <a:t>nieuwe concessie</a:t>
              </a:r>
            </a:p>
            <a:p>
              <a:r>
                <a:rPr lang="nl-NL" sz="600" dirty="0" smtClean="0"/>
                <a:t>aanbesteed</a:t>
              </a:r>
              <a:endParaRPr lang="nl-NL" sz="600" dirty="0"/>
            </a:p>
          </p:txBody>
        </p:sp>
        <p:sp>
          <p:nvSpPr>
            <p:cNvPr id="54" name="OTLSHAPE_SLT_1fb5c9bea8d7491e93ab109404a0a91b_Shape">
              <a:extLst>
                <a:ext uri="{FF2B5EF4-FFF2-40B4-BE49-F238E27FC236}">
                  <a16:creationId xmlns:a16="http://schemas.microsoft.com/office/drawing/2014/main" id="{DBE02B85-C7DE-4F90-91D5-6EB71AA39D8D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2600778" y="2180612"/>
              <a:ext cx="4868285" cy="216735"/>
            </a:xfrm>
            <a:prstGeom prst="chevron">
              <a:avLst/>
            </a:prstGeom>
            <a:solidFill>
              <a:srgbClr val="56CFDB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57" name="Rechte verbindingslijn met pijl 56"/>
            <p:cNvCxnSpPr/>
            <p:nvPr/>
          </p:nvCxnSpPr>
          <p:spPr>
            <a:xfrm flipV="1">
              <a:off x="4859665" y="3310449"/>
              <a:ext cx="0" cy="228437"/>
            </a:xfrm>
            <a:prstGeom prst="straightConnector1">
              <a:avLst/>
            </a:prstGeom>
            <a:ln>
              <a:gradFill>
                <a:gsLst>
                  <a:gs pos="0">
                    <a:schemeClr val="accent1">
                      <a:lumMod val="5000"/>
                      <a:lumOff val="95000"/>
                    </a:schemeClr>
                  </a:gs>
                  <a:gs pos="0">
                    <a:schemeClr val="accent1">
                      <a:lumMod val="45000"/>
                      <a:lumOff val="55000"/>
                    </a:schemeClr>
                  </a:gs>
                  <a:gs pos="0">
                    <a:srgbClr val="CCCCFF"/>
                  </a:gs>
                  <a:gs pos="100000">
                    <a:srgbClr val="7030A0"/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" name="OTLSHAPE_SLT_1fb5c9bea8d7491e93ab109404a0a91b_ShapePercentage">
              <a:extLst>
                <a:ext uri="{FF2B5EF4-FFF2-40B4-BE49-F238E27FC236}">
                  <a16:creationId xmlns:a16="http://schemas.microsoft.com/office/drawing/2014/main" id="{A6198369-79CD-4FF0-8FC5-AEEA36D289D5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3777798" y="2947722"/>
              <a:ext cx="2278454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dialoog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/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verkenning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nieuwe</a:t>
              </a:r>
              <a:r>
                <a:rPr lang="en-US" sz="600" b="1" dirty="0" smtClean="0">
                  <a:solidFill>
                    <a:prstClr val="white"/>
                  </a:solidFill>
                  <a:latin typeface="Calibri" panose="020F0502020204030204"/>
                </a:rPr>
                <a:t> </a:t>
              </a:r>
              <a:r>
                <a:rPr lang="en-US" sz="600" b="1" dirty="0" err="1" smtClean="0">
                  <a:solidFill>
                    <a:prstClr val="white"/>
                  </a:solidFill>
                  <a:latin typeface="Calibri" panose="020F0502020204030204"/>
                </a:rPr>
                <a:t>concessie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0" name="OTLSHAPE_SLT_b3b24f30dd09423f88609133eedceb09_ShapePercentage">
              <a:extLst>
                <a:ext uri="{FF2B5EF4-FFF2-40B4-BE49-F238E27FC236}">
                  <a16:creationId xmlns:a16="http://schemas.microsoft.com/office/drawing/2014/main" id="{496DA9CA-F859-45F5-B5E4-1D33D8D4C245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3709305" y="4965094"/>
              <a:ext cx="1224748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onderzoek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systeemsimulaties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4" name="OTLSHAPE_SLT_5fdc1ae17390491587eeb3e0a5701e86_ShapePercentage">
              <a:extLst>
                <a:ext uri="{FF2B5EF4-FFF2-40B4-BE49-F238E27FC236}">
                  <a16:creationId xmlns:a16="http://schemas.microsoft.com/office/drawing/2014/main" id="{79F9D281-F11F-4C3B-8438-30DC021067CB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2655165" y="2184852"/>
              <a:ext cx="4737671" cy="212496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smtClean="0">
                  <a:solidFill>
                    <a:schemeClr val="bg1"/>
                  </a:solidFill>
                  <a:latin typeface="Calibri" panose="020F0502020204030204"/>
                </a:rPr>
                <a:t>Living Labs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8" name="OTLSHAPE_SLT_7b84b718e11f4f268861d3782ad6ec3d_ShapePercentage">
              <a:extLst>
                <a:ext uri="{FF2B5EF4-FFF2-40B4-BE49-F238E27FC236}">
                  <a16:creationId xmlns:a16="http://schemas.microsoft.com/office/drawing/2014/main" id="{54B6576A-0278-4EC1-A832-6C70193A6861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3787409" y="3826552"/>
              <a:ext cx="1158903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69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2582575" y="5370724"/>
              <a:ext cx="2414372" cy="216735"/>
            </a:xfrm>
            <a:prstGeom prst="chevron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0" name="OTLSHAPE_SLT_b3b24f30dd09423f88609133eedceb09_ShapePercentage">
              <a:extLst>
                <a:ext uri="{FF2B5EF4-FFF2-40B4-BE49-F238E27FC236}">
                  <a16:creationId xmlns:a16="http://schemas.microsoft.com/office/drawing/2014/main" id="{496DA9CA-F859-45F5-B5E4-1D33D8D4C245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2634693" y="5370724"/>
              <a:ext cx="2299360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onderzoek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natuurlijke</a:t>
              </a:r>
              <a:r>
                <a:rPr kumimoji="0" lang="en-US" sz="600" b="1" i="0" u="none" strike="noStrike" kern="1200" cap="none" spc="0" normalizeH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geulontwikkeling</a:t>
              </a:r>
              <a:r>
                <a:rPr kumimoji="0" lang="en-US" sz="600" b="1" i="0" u="none" strike="noStrike" kern="1200" cap="none" spc="0" normalizeH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/ </a:t>
              </a:r>
              <a:r>
                <a:rPr kumimoji="0" lang="en-US" sz="600" b="1" i="0" u="none" strike="noStrike" kern="1200" cap="none" spc="0" normalizeH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baggerreductiescenarios</a:t>
              </a:r>
              <a:r>
                <a:rPr kumimoji="0" lang="en-US" sz="600" b="1" i="0" u="none" strike="noStrike" kern="1200" cap="none" spc="0" normalizeH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per </a:t>
              </a:r>
              <a:r>
                <a:rPr kumimoji="0" lang="en-US" sz="600" b="1" i="0" u="none" strike="noStrike" kern="1200" cap="none" spc="0" normalizeH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veerverbinding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4577640" y="4340839"/>
              <a:ext cx="3435941" cy="216735"/>
            </a:xfrm>
            <a:prstGeom prst="chevron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smtClean="0">
                  <a:solidFill>
                    <a:schemeClr val="bg1"/>
                  </a:solidFill>
                  <a:latin typeface="Calibri" panose="020F0502020204030204"/>
                </a:rPr>
                <a:t>(</a:t>
              </a:r>
              <a:r>
                <a:rPr lang="en-US" sz="600" b="1" dirty="0" err="1" smtClean="0">
                  <a:solidFill>
                    <a:schemeClr val="bg1"/>
                  </a:solidFill>
                  <a:latin typeface="Calibri" panose="020F0502020204030204"/>
                </a:rPr>
                <a:t>planuitwerking</a:t>
              </a:r>
              <a:r>
                <a:rPr lang="en-US" sz="600" b="1" dirty="0" smtClean="0">
                  <a:solidFill>
                    <a:schemeClr val="bg1"/>
                  </a:solidFill>
                  <a:latin typeface="Calibri" panose="020F0502020204030204"/>
                </a:rPr>
                <a:t>)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3" name="Tekstvak 72"/>
            <p:cNvSpPr txBox="1"/>
            <p:nvPr/>
          </p:nvSpPr>
          <p:spPr>
            <a:xfrm>
              <a:off x="4565668" y="4480284"/>
              <a:ext cx="484428" cy="2954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endParaRPr lang="nl-NL" sz="600" dirty="0"/>
            </a:p>
            <a:p>
              <a:r>
                <a:rPr lang="nl-NL" sz="600" dirty="0" smtClean="0"/>
                <a:t>M besluit</a:t>
              </a:r>
              <a:endParaRPr lang="nl-NL" sz="600" dirty="0"/>
            </a:p>
          </p:txBody>
        </p:sp>
        <p:cxnSp>
          <p:nvCxnSpPr>
            <p:cNvPr id="74" name="Rechte verbindingslijn met pijl 73"/>
            <p:cNvCxnSpPr>
              <a:stCxn id="39" idx="3"/>
            </p:cNvCxnSpPr>
            <p:nvPr/>
          </p:nvCxnSpPr>
          <p:spPr>
            <a:xfrm>
              <a:off x="4517702" y="4441668"/>
              <a:ext cx="0" cy="236458"/>
            </a:xfrm>
            <a:prstGeom prst="straightConnector1">
              <a:avLst/>
            </a:prstGeom>
            <a:ln>
              <a:solidFill>
                <a:schemeClr val="accent6">
                  <a:lumMod val="50000"/>
                </a:schemeClr>
              </a:soli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894369" y="5736013"/>
              <a:ext cx="726524" cy="374969"/>
            </a:xfrm>
            <a:prstGeom prst="rect">
              <a:avLst/>
            </a:prstGeom>
            <a:solidFill>
              <a:srgbClr val="FF7C80"/>
            </a:solidFill>
            <a:ln>
              <a:noFill/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smtClean="0">
                  <a:latin typeface="Calibri" panose="020F0502020204030204" pitchFamily="34" charset="0"/>
                </a:rPr>
                <a:t>E / H2 </a:t>
              </a:r>
              <a:r>
                <a:rPr lang="en-US" sz="600" b="1" noProof="0" dirty="0" err="1" smtClean="0">
                  <a:latin typeface="Calibri" panose="020F0502020204030204" pitchFamily="34" charset="0"/>
                </a:rPr>
                <a:t>walinfra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sp>
          <p:nvSpPr>
            <p:cNvPr id="77" name="OTLSHAPE_SL_7c21b9d0849c4bca94c2f6458ca272ef_Header">
              <a:extLst>
                <a:ext uri="{FF2B5EF4-FFF2-40B4-BE49-F238E27FC236}">
                  <a16:creationId xmlns:a16="http://schemas.microsoft.com/office/drawing/2014/main" id="{A28481A3-35A5-4C5A-821C-70F5BA309ACE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900359" y="5281660"/>
              <a:ext cx="726524" cy="374969"/>
            </a:xfrm>
            <a:prstGeom prst="rect">
              <a:avLst/>
            </a:prstGeom>
            <a:solidFill>
              <a:schemeClr val="accent5">
                <a:lumMod val="60000"/>
                <a:lumOff val="40000"/>
              </a:schemeClr>
            </a:solidFill>
            <a:ln>
              <a:solidFill>
                <a:schemeClr val="accent5">
                  <a:lumMod val="60000"/>
                  <a:lumOff val="40000"/>
                </a:schemeClr>
              </a:solidFill>
            </a:ln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err="1" smtClean="0">
                  <a:latin typeface="Calibri" panose="020F0502020204030204" pitchFamily="34" charset="0"/>
                </a:rPr>
                <a:t>Morfologisch</a:t>
              </a:r>
              <a:endParaRPr lang="en-US" sz="600" b="1" noProof="0" dirty="0" smtClean="0">
                <a:latin typeface="Calibri" panose="020F0502020204030204" pitchFamily="34" charset="0"/>
              </a:endParaRP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dirty="0" err="1" smtClean="0">
                  <a:ln>
                    <a:noFill/>
                  </a:ln>
                  <a:effectLst/>
                  <a:uLnTx/>
                  <a:uFillTx/>
                  <a:latin typeface="Calibri" panose="020F0502020204030204" pitchFamily="34" charset="0"/>
                </a:rPr>
                <a:t>onderzoek</a:t>
              </a:r>
              <a:endParaRPr kumimoji="0" lang="en-US" sz="600" b="1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</a:endParaRPr>
            </a:p>
          </p:txBody>
        </p:sp>
        <p:cxnSp>
          <p:nvCxnSpPr>
            <p:cNvPr id="82" name="Rechte verbindingslijn met pijl 81"/>
            <p:cNvCxnSpPr/>
            <p:nvPr/>
          </p:nvCxnSpPr>
          <p:spPr>
            <a:xfrm flipV="1">
              <a:off x="8361521" y="3048019"/>
              <a:ext cx="2284" cy="269062"/>
            </a:xfrm>
            <a:prstGeom prst="straightConnector1">
              <a:avLst/>
            </a:prstGeom>
            <a:ln>
              <a:gradFill>
                <a:gsLst>
                  <a:gs pos="0">
                    <a:srgbClr val="7030A0"/>
                  </a:gs>
                  <a:gs pos="0">
                    <a:schemeClr val="accent1">
                      <a:lumMod val="45000"/>
                      <a:lumOff val="55000"/>
                    </a:schemeClr>
                  </a:gs>
                  <a:gs pos="0">
                    <a:srgbClr val="7030A0"/>
                  </a:gs>
                  <a:gs pos="100000">
                    <a:srgbClr val="CCCCFF"/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Rechte verbindingslijn met pijl 82"/>
            <p:cNvCxnSpPr/>
            <p:nvPr/>
          </p:nvCxnSpPr>
          <p:spPr>
            <a:xfrm flipH="1" flipV="1">
              <a:off x="10618663" y="3062780"/>
              <a:ext cx="7087" cy="269336"/>
            </a:xfrm>
            <a:prstGeom prst="straightConnector1">
              <a:avLst/>
            </a:prstGeom>
            <a:ln>
              <a:gradFill>
                <a:gsLst>
                  <a:gs pos="0">
                    <a:srgbClr val="7030A0"/>
                  </a:gs>
                  <a:gs pos="0">
                    <a:schemeClr val="accent1">
                      <a:lumMod val="45000"/>
                      <a:lumOff val="55000"/>
                    </a:schemeClr>
                  </a:gs>
                  <a:gs pos="0">
                    <a:srgbClr val="7030A0"/>
                  </a:gs>
                  <a:gs pos="100000">
                    <a:srgbClr val="CCCCFF"/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6" name="Tekstvak 85"/>
            <p:cNvSpPr txBox="1"/>
            <p:nvPr/>
          </p:nvSpPr>
          <p:spPr>
            <a:xfrm>
              <a:off x="3718382" y="2522784"/>
              <a:ext cx="246767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l-NL" sz="600" i="1" dirty="0" smtClean="0"/>
                <a:t>dialoog en besluiten over randvoorwaarden &amp; uitgangspunten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err="1" smtClean="0"/>
                <a:t>mobiliteitsconbcept</a:t>
              </a:r>
              <a:r>
                <a:rPr lang="nl-NL" sz="600" i="1" dirty="0" smtClean="0"/>
                <a:t>(en)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functionele eisen, risicoverdeling &amp; vrijheidsgraden</a:t>
              </a:r>
            </a:p>
            <a:p>
              <a:pPr marL="171450" indent="-171450">
                <a:buFont typeface="Arial" panose="020B0604020202020204" pitchFamily="34" charset="0"/>
                <a:buChar char="•"/>
              </a:pPr>
              <a:r>
                <a:rPr lang="nl-NL" sz="600" i="1" dirty="0" smtClean="0"/>
                <a:t>incentives</a:t>
              </a:r>
              <a:endParaRPr lang="nl-NL" sz="600" dirty="0" smtClean="0"/>
            </a:p>
          </p:txBody>
        </p:sp>
        <p:sp>
          <p:nvSpPr>
            <p:cNvPr id="87" name="OTLSHAPE_SLT_5fdc1ae17390491587eeb3e0a5701e86_ShapePercentage">
              <a:extLst>
                <a:ext uri="{FF2B5EF4-FFF2-40B4-BE49-F238E27FC236}">
                  <a16:creationId xmlns:a16="http://schemas.microsoft.com/office/drawing/2014/main" id="{79F9D281-F11F-4C3B-8438-30DC021067CB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2261524" y="3447529"/>
              <a:ext cx="934948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dirty="0" err="1" smtClean="0">
                  <a:solidFill>
                    <a:schemeClr val="bg1"/>
                  </a:solidFill>
                  <a:latin typeface="Calibri" panose="020F0502020204030204"/>
                </a:rPr>
                <a:t>MID-term</a:t>
              </a:r>
              <a:r>
                <a:rPr lang="en-US" sz="600" b="1" dirty="0" smtClean="0">
                  <a:solidFill>
                    <a:schemeClr val="bg1"/>
                  </a:solidFill>
                  <a:latin typeface="Calibri" panose="020F0502020204030204"/>
                </a:rPr>
                <a:t> review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pic>
          <p:nvPicPr>
            <p:cNvPr id="91" name="Afbeelding 90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3219131" y="3196652"/>
              <a:ext cx="117275" cy="216058"/>
            </a:xfrm>
            <a:prstGeom prst="rect">
              <a:avLst/>
            </a:prstGeom>
          </p:spPr>
        </p:pic>
        <p:pic>
          <p:nvPicPr>
            <p:cNvPr id="92" name="Afbeelding 91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4934053" y="3201815"/>
              <a:ext cx="117275" cy="216058"/>
            </a:xfrm>
            <a:prstGeom prst="rect">
              <a:avLst/>
            </a:prstGeom>
          </p:spPr>
        </p:pic>
        <p:pic>
          <p:nvPicPr>
            <p:cNvPr id="93" name="Afbeelding 92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7244940" y="3189715"/>
              <a:ext cx="117275" cy="216058"/>
            </a:xfrm>
            <a:prstGeom prst="rect">
              <a:avLst/>
            </a:prstGeom>
          </p:spPr>
        </p:pic>
        <p:pic>
          <p:nvPicPr>
            <p:cNvPr id="95" name="Afbeelding 94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8434164" y="3195012"/>
              <a:ext cx="117275" cy="216058"/>
            </a:xfrm>
            <a:prstGeom prst="rect">
              <a:avLst/>
            </a:prstGeom>
          </p:spPr>
        </p:pic>
        <p:pic>
          <p:nvPicPr>
            <p:cNvPr id="96" name="Afbeelding 95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10671661" y="3227906"/>
              <a:ext cx="117275" cy="216058"/>
            </a:xfrm>
            <a:prstGeom prst="rect">
              <a:avLst/>
            </a:prstGeom>
          </p:spPr>
        </p:pic>
        <p:pic>
          <p:nvPicPr>
            <p:cNvPr id="97" name="Afbeelding 96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4546073" y="4561422"/>
              <a:ext cx="117275" cy="216058"/>
            </a:xfrm>
            <a:prstGeom prst="rect">
              <a:avLst/>
            </a:prstGeom>
          </p:spPr>
        </p:pic>
        <p:pic>
          <p:nvPicPr>
            <p:cNvPr id="98" name="Afbeelding 97"/>
            <p:cNvPicPr>
              <a:picLocks noChangeAspect="1"/>
            </p:cNvPicPr>
            <p:nvPr/>
          </p:nvPicPr>
          <p:blipFill>
            <a:blip r:embed="rId92"/>
            <a:stretch>
              <a:fillRect/>
            </a:stretch>
          </p:blipFill>
          <p:spPr>
            <a:xfrm flipH="1">
              <a:off x="4978369" y="3972472"/>
              <a:ext cx="117275" cy="216058"/>
            </a:xfrm>
            <a:prstGeom prst="rect">
              <a:avLst/>
            </a:prstGeom>
          </p:spPr>
        </p:pic>
        <p:sp>
          <p:nvSpPr>
            <p:cNvPr id="99" name="OTLSHAPE_SLT_5fdc1ae17390491587eeb3e0a5701e86_ShapePercentage">
              <a:extLst>
                <a:ext uri="{FF2B5EF4-FFF2-40B4-BE49-F238E27FC236}">
                  <a16:creationId xmlns:a16="http://schemas.microsoft.com/office/drawing/2014/main" id="{79F9D281-F11F-4C3B-8438-30DC021067CB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3077140" y="2208433"/>
              <a:ext cx="544584" cy="152239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smtClean="0">
                  <a:solidFill>
                    <a:schemeClr val="bg1"/>
                  </a:solidFill>
                  <a:latin typeface="Calibri" panose="020F0502020204030204"/>
                </a:rPr>
                <a:t>pilot X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SLT_5fdc1ae17390491587eeb3e0a5701e86_ShapePercentage">
              <a:extLst>
                <a:ext uri="{FF2B5EF4-FFF2-40B4-BE49-F238E27FC236}">
                  <a16:creationId xmlns:a16="http://schemas.microsoft.com/office/drawing/2014/main" id="{79F9D281-F11F-4C3B-8438-30DC021067C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3591448" y="2205191"/>
              <a:ext cx="544584" cy="152239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smtClean="0">
                  <a:solidFill>
                    <a:schemeClr val="bg1"/>
                  </a:solidFill>
                  <a:latin typeface="Calibri" panose="020F0502020204030204"/>
                </a:rPr>
                <a:t>pilot Y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1" name="OTLSHAPE_SLT_5fdc1ae17390491587eeb3e0a5701e86_ShapePercentage">
              <a:extLst>
                <a:ext uri="{FF2B5EF4-FFF2-40B4-BE49-F238E27FC236}">
                  <a16:creationId xmlns:a16="http://schemas.microsoft.com/office/drawing/2014/main" id="{79F9D281-F11F-4C3B-8438-30DC021067CB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4106392" y="2209843"/>
              <a:ext cx="544584" cy="152239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600" b="1" noProof="0" dirty="0" smtClean="0">
                  <a:solidFill>
                    <a:schemeClr val="bg1"/>
                  </a:solidFill>
                  <a:latin typeface="Calibri" panose="020F0502020204030204"/>
                </a:rPr>
                <a:t>pilot Z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84" name="Rechte verbindingslijn met pijl 83"/>
            <p:cNvCxnSpPr/>
            <p:nvPr/>
          </p:nvCxnSpPr>
          <p:spPr>
            <a:xfrm flipV="1">
              <a:off x="3176168" y="3312041"/>
              <a:ext cx="0" cy="228437"/>
            </a:xfrm>
            <a:prstGeom prst="straightConnector1">
              <a:avLst/>
            </a:prstGeom>
            <a:ln>
              <a:gradFill>
                <a:gsLst>
                  <a:gs pos="0">
                    <a:schemeClr val="accent1">
                      <a:lumMod val="5000"/>
                      <a:lumOff val="95000"/>
                    </a:schemeClr>
                  </a:gs>
                  <a:gs pos="0">
                    <a:schemeClr val="accent1">
                      <a:lumMod val="45000"/>
                      <a:lumOff val="55000"/>
                    </a:schemeClr>
                  </a:gs>
                  <a:gs pos="0">
                    <a:srgbClr val="CCCCFF"/>
                  </a:gs>
                  <a:gs pos="100000">
                    <a:srgbClr val="7030A0"/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Tekstvak 1"/>
            <p:cNvSpPr txBox="1"/>
            <p:nvPr/>
          </p:nvSpPr>
          <p:spPr>
            <a:xfrm>
              <a:off x="896885" y="1173638"/>
              <a:ext cx="1173719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l-NL" sz="1000" i="1" dirty="0"/>
                <a:t>i</a:t>
              </a:r>
              <a:r>
                <a:rPr lang="nl-NL" sz="1000" i="1" dirty="0" smtClean="0"/>
                <a:t>ndicatieve tijdslijn</a:t>
              </a:r>
              <a:endParaRPr lang="nl-NL" sz="1000" i="1" dirty="0"/>
            </a:p>
          </p:txBody>
        </p:sp>
        <p:cxnSp>
          <p:nvCxnSpPr>
            <p:cNvPr id="142" name="Rechte verbindingslijn met pijl 141"/>
            <p:cNvCxnSpPr/>
            <p:nvPr/>
          </p:nvCxnSpPr>
          <p:spPr>
            <a:xfrm flipH="1" flipV="1">
              <a:off x="7162556" y="3065636"/>
              <a:ext cx="382" cy="225204"/>
            </a:xfrm>
            <a:prstGeom prst="straightConnector1">
              <a:avLst/>
            </a:prstGeom>
            <a:ln>
              <a:gradFill>
                <a:gsLst>
                  <a:gs pos="0">
                    <a:srgbClr val="7030A0"/>
                  </a:gs>
                  <a:gs pos="0">
                    <a:schemeClr val="accent1">
                      <a:lumMod val="45000"/>
                      <a:lumOff val="55000"/>
                    </a:schemeClr>
                  </a:gs>
                  <a:gs pos="0">
                    <a:srgbClr val="7030A0"/>
                  </a:gs>
                  <a:gs pos="100000">
                    <a:srgbClr val="CCCCFF"/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4" name="OTLSHAPE_SLT_7b84b718e11f4f268861d3782ad6ec3d_Shape">
              <a:extLst>
                <a:ext uri="{FF2B5EF4-FFF2-40B4-BE49-F238E27FC236}">
                  <a16:creationId xmlns:a16="http://schemas.microsoft.com/office/drawing/2014/main" id="{973B9C32-C3F1-4AAD-9C03-8F303438CC15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3456278" y="3836787"/>
              <a:ext cx="306337" cy="203200"/>
            </a:xfrm>
            <a:prstGeom prst="chevron">
              <a:avLst/>
            </a:prstGeom>
            <a:solidFill>
              <a:srgbClr val="E4D41F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5" name="OTLSHAPE_SLT_7b84b718e11f4f268861d3782ad6ec3d_Shape">
              <a:extLst>
                <a:ext uri="{FF2B5EF4-FFF2-40B4-BE49-F238E27FC236}">
                  <a16:creationId xmlns:a16="http://schemas.microsoft.com/office/drawing/2014/main" id="{973B9C32-C3F1-4AAD-9C03-8F303438CC15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3208796" y="3835159"/>
              <a:ext cx="306337" cy="203200"/>
            </a:xfrm>
            <a:prstGeom prst="chevron">
              <a:avLst/>
            </a:prstGeom>
            <a:solidFill>
              <a:srgbClr val="E4D41F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8" name="OTLSHAPE_SLT_5fdc1ae17390491587eeb3e0a5701e86_Shape">
              <a:extLst>
                <a:ext uri="{FF2B5EF4-FFF2-40B4-BE49-F238E27FC236}">
                  <a16:creationId xmlns:a16="http://schemas.microsoft.com/office/drawing/2014/main" id="{80D8DECE-735F-425C-AE7B-1624D9DA27CC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3476526" y="2958827"/>
              <a:ext cx="282424" cy="203200"/>
            </a:xfrm>
            <a:prstGeom prst="chevron">
              <a:avLst/>
            </a:prstGeom>
            <a:solidFill>
              <a:srgbClr val="A363C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9" name="OTLSHAPE_SLT_5fdc1ae17390491587eeb3e0a5701e86_Shape">
              <a:extLst>
                <a:ext uri="{FF2B5EF4-FFF2-40B4-BE49-F238E27FC236}">
                  <a16:creationId xmlns:a16="http://schemas.microsoft.com/office/drawing/2014/main" id="{80D8DECE-735F-425C-AE7B-1624D9DA27CC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3244920" y="2957597"/>
              <a:ext cx="282424" cy="203200"/>
            </a:xfrm>
            <a:prstGeom prst="chevron">
              <a:avLst/>
            </a:prstGeom>
            <a:solidFill>
              <a:srgbClr val="A363C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0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SLT_1fb5c9bea8d7491e93ab109404a0a91b_Shape">
              <a:extLst>
                <a:ext uri="{FF2B5EF4-FFF2-40B4-BE49-F238E27FC236}">
                  <a16:creationId xmlns:a16="http://schemas.microsoft.com/office/drawing/2014/main" id="{DBE02B85-C7DE-4F90-91D5-6EB71AA39D8D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2360616" y="2177433"/>
              <a:ext cx="294549" cy="203200"/>
            </a:xfrm>
            <a:prstGeom prst="chevron">
              <a:avLst/>
            </a:prstGeom>
            <a:solidFill>
              <a:srgbClr val="56CFDB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1" name="OTLSHAPE_SLT_1fb5c9bea8d7491e93ab109404a0a91b_Shape">
              <a:extLst>
                <a:ext uri="{FF2B5EF4-FFF2-40B4-BE49-F238E27FC236}">
                  <a16:creationId xmlns:a16="http://schemas.microsoft.com/office/drawing/2014/main" id="{DBE02B85-C7DE-4F90-91D5-6EB71AA39D8D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2114179" y="2176161"/>
              <a:ext cx="294549" cy="203200"/>
            </a:xfrm>
            <a:prstGeom prst="chevron">
              <a:avLst/>
            </a:prstGeom>
            <a:solidFill>
              <a:srgbClr val="56CFDB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8" name="Tekstvak 157"/>
            <p:cNvSpPr txBox="1"/>
            <p:nvPr/>
          </p:nvSpPr>
          <p:spPr>
            <a:xfrm>
              <a:off x="3846796" y="3789338"/>
              <a:ext cx="94128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lvl="0" algn="ctr">
                <a:defRPr/>
              </a:pPr>
              <a:r>
                <a:rPr lang="en-US" sz="600" b="1" dirty="0" err="1">
                  <a:solidFill>
                    <a:prstClr val="white"/>
                  </a:solidFill>
                </a:rPr>
                <a:t>verkenning</a:t>
              </a:r>
              <a:r>
                <a:rPr lang="en-US" sz="600" b="1" dirty="0">
                  <a:solidFill>
                    <a:prstClr val="white"/>
                  </a:solidFill>
                </a:rPr>
                <a:t> </a:t>
              </a:r>
              <a:r>
                <a:rPr lang="en-US" sz="600" b="1" dirty="0" err="1">
                  <a:solidFill>
                    <a:prstClr val="white"/>
                  </a:solidFill>
                </a:rPr>
                <a:t>innovatieve</a:t>
              </a:r>
              <a:endParaRPr lang="en-US" sz="600" b="1" dirty="0">
                <a:solidFill>
                  <a:prstClr val="white"/>
                </a:solidFill>
              </a:endParaRPr>
            </a:p>
            <a:p>
              <a:pPr lvl="0" algn="ctr">
                <a:defRPr/>
              </a:pPr>
              <a:r>
                <a:rPr lang="en-US" sz="600" b="1" dirty="0" err="1" smtClean="0">
                  <a:solidFill>
                    <a:prstClr val="white"/>
                  </a:solidFill>
                </a:rPr>
                <a:t>marktbenadering</a:t>
              </a:r>
              <a:endParaRPr lang="en-US" sz="600" b="1" dirty="0">
                <a:solidFill>
                  <a:prstClr val="white"/>
                </a:solidFill>
              </a:endParaRPr>
            </a:p>
          </p:txBody>
        </p:sp>
        <p:sp>
          <p:nvSpPr>
            <p:cNvPr id="168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4843041" y="5815992"/>
              <a:ext cx="5721518" cy="216735"/>
            </a:xfrm>
            <a:prstGeom prst="chevron">
              <a:avLst/>
            </a:prstGeom>
            <a:solidFill>
              <a:srgbClr val="FF9999"/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9" name="OTLSHAPE_SLT_b3b24f30dd09423f88609133eedceb09_ShapePercentage">
              <a:extLst>
                <a:ext uri="{FF2B5EF4-FFF2-40B4-BE49-F238E27FC236}">
                  <a16:creationId xmlns:a16="http://schemas.microsoft.com/office/drawing/2014/main" id="{496DA9CA-F859-45F5-B5E4-1D33D8D4C245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4900170" y="5815992"/>
              <a:ext cx="5585383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lanvorming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,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voorbereiding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en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alisatie</a:t>
              </a:r>
              <a:r>
                <a:rPr kumimoji="0" lang="en-US" sz="600" b="1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E / H2 </a:t>
              </a:r>
              <a:r>
                <a:rPr kumimoji="0" lang="en-US" sz="600" b="1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walinfra</a:t>
              </a: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0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4570577" y="5815992"/>
              <a:ext cx="326419" cy="216735"/>
            </a:xfrm>
            <a:prstGeom prst="chevron">
              <a:avLst/>
            </a:prstGeom>
            <a:solidFill>
              <a:srgbClr val="FF9999"/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1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4294608" y="5817397"/>
              <a:ext cx="326419" cy="216735"/>
            </a:xfrm>
            <a:prstGeom prst="chevron">
              <a:avLst/>
            </a:prstGeom>
            <a:solidFill>
              <a:srgbClr val="FF9999"/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2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4946313" y="5365175"/>
              <a:ext cx="318294" cy="216735"/>
            </a:xfrm>
            <a:prstGeom prst="chevron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3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5201898" y="5365175"/>
              <a:ext cx="318294" cy="216735"/>
            </a:xfrm>
            <a:prstGeom prst="chevron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4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4946312" y="4972837"/>
              <a:ext cx="291846" cy="216735"/>
            </a:xfrm>
            <a:prstGeom prst="chevron">
              <a:avLst/>
            </a:prstGeom>
            <a:solidFill>
              <a:srgbClr val="E3741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5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5183395" y="4974320"/>
              <a:ext cx="291846" cy="216735"/>
            </a:xfrm>
            <a:prstGeom prst="chevron">
              <a:avLst/>
            </a:prstGeom>
            <a:solidFill>
              <a:srgbClr val="E3741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6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7948050" y="4340839"/>
              <a:ext cx="276338" cy="216735"/>
            </a:xfrm>
            <a:prstGeom prst="chevron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7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8162325" y="4340839"/>
              <a:ext cx="276338" cy="216735"/>
            </a:xfrm>
            <a:prstGeom prst="chevron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8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1980089" y="5366022"/>
              <a:ext cx="318294" cy="216735"/>
            </a:xfrm>
            <a:prstGeom prst="chevron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9" name="OTLSHAPE_SLT_b3b24f30dd09423f88609133eedceb09_Shape">
              <a:extLst>
                <a:ext uri="{FF2B5EF4-FFF2-40B4-BE49-F238E27FC236}">
                  <a16:creationId xmlns:a16="http://schemas.microsoft.com/office/drawing/2014/main" id="{56169A0F-7EC9-4170-8215-9C1B97C4273A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2273819" y="5366022"/>
              <a:ext cx="318294" cy="216735"/>
            </a:xfrm>
            <a:prstGeom prst="chevron">
              <a:avLst/>
            </a:prstGeom>
            <a:solidFill>
              <a:schemeClr val="accent5">
                <a:lumMod val="20000"/>
                <a:lumOff val="8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8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0" name="Tekstvak 179"/>
            <p:cNvSpPr txBox="1"/>
            <p:nvPr/>
          </p:nvSpPr>
          <p:spPr>
            <a:xfrm>
              <a:off x="5068762" y="3937582"/>
              <a:ext cx="175964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nl-NL" sz="600" dirty="0" smtClean="0"/>
            </a:p>
            <a:p>
              <a:r>
                <a:rPr lang="nl-NL" sz="600" dirty="0"/>
                <a:t>b</a:t>
              </a:r>
              <a:r>
                <a:rPr lang="nl-NL" sz="600" dirty="0" smtClean="0"/>
                <a:t>esluit gerichte  marktinnovatie</a:t>
              </a:r>
              <a:endParaRPr lang="nl-NL" sz="600" dirty="0"/>
            </a:p>
          </p:txBody>
        </p:sp>
        <p:sp>
          <p:nvSpPr>
            <p:cNvPr id="181" name="OTLSHAPE_SLT_7b84b718e11f4f268861d3782ad6ec3d_ShapePercentage">
              <a:extLst>
                <a:ext uri="{FF2B5EF4-FFF2-40B4-BE49-F238E27FC236}">
                  <a16:creationId xmlns:a16="http://schemas.microsoft.com/office/drawing/2014/main" id="{54B6576A-0278-4EC1-A832-6C70193A6861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4915529" y="3830173"/>
              <a:ext cx="1158903" cy="216735"/>
            </a:xfrm>
            <a:prstGeom prst="chevron">
              <a:avLst/>
            </a:prstGeom>
            <a:solidFill>
              <a:schemeClr val="dk1">
                <a:alpha val="3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endParaRPr>
            </a:p>
          </p:txBody>
        </p:sp>
        <p:sp>
          <p:nvSpPr>
            <p:cNvPr id="182" name="Tekstvak 181"/>
            <p:cNvSpPr txBox="1"/>
            <p:nvPr/>
          </p:nvSpPr>
          <p:spPr>
            <a:xfrm>
              <a:off x="4977930" y="3798022"/>
              <a:ext cx="1034257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lvl="0" algn="ctr">
                <a:defRPr/>
              </a:pPr>
              <a:r>
                <a:rPr lang="en-US" sz="600" b="1" dirty="0" err="1" smtClean="0">
                  <a:solidFill>
                    <a:prstClr val="white"/>
                  </a:solidFill>
                </a:rPr>
                <a:t>voorbereiding</a:t>
              </a:r>
              <a:r>
                <a:rPr lang="en-US" sz="600" b="1" dirty="0" smtClean="0">
                  <a:solidFill>
                    <a:prstClr val="white"/>
                  </a:solidFill>
                </a:rPr>
                <a:t> </a:t>
              </a:r>
              <a:r>
                <a:rPr lang="en-US" sz="600" b="1" dirty="0" err="1">
                  <a:solidFill>
                    <a:prstClr val="white"/>
                  </a:solidFill>
                </a:rPr>
                <a:t>innovatieve</a:t>
              </a:r>
              <a:endParaRPr lang="en-US" sz="600" b="1" dirty="0">
                <a:solidFill>
                  <a:prstClr val="white"/>
                </a:solidFill>
              </a:endParaRPr>
            </a:p>
            <a:p>
              <a:pPr lvl="0" algn="ctr">
                <a:defRPr/>
              </a:pPr>
              <a:r>
                <a:rPr lang="en-US" sz="600" b="1" dirty="0" err="1" smtClean="0">
                  <a:solidFill>
                    <a:prstClr val="white"/>
                  </a:solidFill>
                </a:rPr>
                <a:t>marktbenadering</a:t>
              </a:r>
              <a:endParaRPr lang="en-US" sz="600" b="1" dirty="0">
                <a:solidFill>
                  <a:prstClr val="white"/>
                </a:solidFill>
              </a:endParaRPr>
            </a:p>
          </p:txBody>
        </p:sp>
        <p:cxnSp>
          <p:nvCxnSpPr>
            <p:cNvPr id="183" name="Rechte verbindingslijn met pijl 182"/>
            <p:cNvCxnSpPr/>
            <p:nvPr/>
          </p:nvCxnSpPr>
          <p:spPr>
            <a:xfrm>
              <a:off x="4928010" y="3927800"/>
              <a:ext cx="0" cy="236458"/>
            </a:xfrm>
            <a:prstGeom prst="straightConnector1">
              <a:avLst/>
            </a:prstGeom>
            <a:ln>
              <a:gradFill>
                <a:gsLst>
                  <a:gs pos="0">
                    <a:schemeClr val="accent4">
                      <a:lumMod val="40000"/>
                      <a:lumOff val="60000"/>
                    </a:schemeClr>
                  </a:gs>
                  <a:gs pos="0">
                    <a:schemeClr val="accent4">
                      <a:lumMod val="40000"/>
                      <a:lumOff val="60000"/>
                    </a:schemeClr>
                  </a:gs>
                  <a:gs pos="100000">
                    <a:schemeClr val="accent4">
                      <a:lumMod val="75000"/>
                    </a:schemeClr>
                  </a:gs>
                </a:gsLst>
                <a:lin ang="5400000" scaled="1"/>
              </a:gradFill>
              <a:headEnd type="diamond" w="med" len="med"/>
              <a:tailEnd type="diamond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4" name="Pijl-omlaag 183"/>
            <p:cNvSpPr/>
            <p:nvPr/>
          </p:nvSpPr>
          <p:spPr>
            <a:xfrm>
              <a:off x="4604710" y="1053096"/>
              <a:ext cx="493471" cy="127162"/>
            </a:xfrm>
            <a:prstGeom prst="downArrow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  <p:sp>
          <p:nvSpPr>
            <p:cNvPr id="185" name="Pijl-omlaag 184"/>
            <p:cNvSpPr/>
            <p:nvPr/>
          </p:nvSpPr>
          <p:spPr>
            <a:xfrm rot="10800000">
              <a:off x="4593132" y="6231706"/>
              <a:ext cx="493471" cy="127162"/>
            </a:xfrm>
            <a:prstGeom prst="downArrow">
              <a:avLst/>
            </a:prstGeom>
            <a:solidFill>
              <a:schemeClr val="tx1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</p:grpSp>
      <p:sp>
        <p:nvSpPr>
          <p:cNvPr id="132" name="Tekstvak 131"/>
          <p:cNvSpPr txBox="1"/>
          <p:nvPr/>
        </p:nvSpPr>
        <p:spPr>
          <a:xfrm>
            <a:off x="835196" y="383386"/>
            <a:ext cx="364401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l-NL" dirty="0" smtClean="0"/>
              <a:t>Routekaart | Indicatieve proceslijnen</a:t>
            </a:r>
          </a:p>
        </p:txBody>
      </p:sp>
    </p:spTree>
    <p:extLst>
      <p:ext uri="{BB962C8B-B14F-4D97-AF65-F5344CB8AC3E}">
        <p14:creationId xmlns:p14="http://schemas.microsoft.com/office/powerpoint/2010/main" val="40605797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9T00:00:00.0000000"/>
  <p:tag name="OTLENDDATE" val="2019-11-22T11:59:00.0000000"/>
  <p:tag name="OTLPERCENTAGE" val="6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9T00:00:00.0000000"/>
  <p:tag name="OTLENDDATE" val="2019-11-22T11:59:00.0000000"/>
  <p:tag name="OTLPERCENTAGE" val="6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9T00:00:00.0000000"/>
  <p:tag name="OTLENDDATE" val="2019-11-22T11:59:00.0000000"/>
  <p:tag name="OTLPERCENTAGE" val="6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7-14T00:00:00.0000000"/>
  <p:tag name="OTLENDDATE" val="2019-11-03T11:59:00.0000000"/>
  <p:tag name="OTLPERCENTAGE" val="2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20T00:00:00.0000000"/>
  <p:tag name="OTLENDDATE" val="2019-11-23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TARTDATE" val="2019-08-07T00:00:00.0000000"/>
  <p:tag name="OTLENDDATE" val="2019-12-25T11:59:00.0000000"/>
  <p:tag name="OTLPERCENTAGE" val="85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Kantoorthema">
  <a:themeElements>
    <a:clrScheme name="Kanto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anto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01</TotalTime>
  <Words>178</Words>
  <Application>Microsoft Office PowerPoint</Application>
  <PresentationFormat>Breedbeeld</PresentationFormat>
  <Paragraphs>68</Paragraphs>
  <Slides>1</Slides>
  <Notes>0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3</vt:i4>
      </vt:variant>
      <vt:variant>
        <vt:lpstr>Thema</vt:lpstr>
      </vt:variant>
      <vt:variant>
        <vt:i4>1</vt:i4>
      </vt:variant>
      <vt:variant>
        <vt:lpstr>Diatitel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Kantoorthema</vt:lpstr>
      <vt:lpstr>PowerPoint-presentati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e</dc:title>
  <dc:creator>Gerwin Klomp</dc:creator>
  <cp:lastModifiedBy>Klomp, Gerwin (NN)</cp:lastModifiedBy>
  <cp:revision>100</cp:revision>
  <dcterms:created xsi:type="dcterms:W3CDTF">2020-09-17T18:33:48Z</dcterms:created>
  <dcterms:modified xsi:type="dcterms:W3CDTF">2022-01-06T14:53:04Z</dcterms:modified>
</cp:coreProperties>
</file>